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Autorzy: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Maciej Kucharski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Maciej Kucharski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</w:p>
    <w:p w:rsidR="00773F7E" w:rsidRP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proofErr w:type="spellStart"/>
      <w:r w:rsidRPr="00773F7E">
        <w:rPr>
          <w:rFonts w:ascii="Consolas" w:hAnsi="Consolas"/>
          <w:color w:val="000000"/>
          <w:sz w:val="18"/>
          <w:szCs w:val="18"/>
          <w:lang w:val="en-US"/>
        </w:rPr>
        <w:t>Projekt</w:t>
      </w:r>
      <w:proofErr w:type="spellEnd"/>
      <w:r w:rsidRPr="00773F7E">
        <w:rPr>
          <w:rFonts w:ascii="Consolas" w:hAnsi="Consolas"/>
          <w:color w:val="000000"/>
          <w:sz w:val="18"/>
          <w:szCs w:val="18"/>
          <w:lang w:val="en-US"/>
        </w:rPr>
        <w:t>: https://github.com/KonstantyFlint/BSI_zadania</w:t>
      </w:r>
      <w:bookmarkStart w:id="0" w:name="_GoBack"/>
      <w:bookmarkEnd w:id="0"/>
    </w:p>
    <w:p w:rsidR="00773F7E" w:rsidRP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773F7E" w:rsidRP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Pr="00773F7E" w:rsidRDefault="00E46E22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773F7E">
        <w:rPr>
          <w:rFonts w:ascii="Consolas" w:hAnsi="Consolas"/>
          <w:color w:val="000000"/>
          <w:sz w:val="18"/>
          <w:szCs w:val="18"/>
          <w:lang w:val="en-US"/>
        </w:rPr>
        <w:t xml:space="preserve">************* Module functions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7843E2" w:rsidRDefault="007843E2" w:rsidP="007843E2">
      <w:r>
        <w:t>Wyniki testów :</w:t>
      </w:r>
    </w:p>
    <w:p w:rsidR="00E46E22" w:rsidRPr="001B0D59" w:rsidRDefault="006A0753">
      <w:r w:rsidRPr="006A0753">
        <w:rPr>
          <w:noProof/>
        </w:rPr>
        <w:drawing>
          <wp:inline distT="0" distB="0" distL="0" distR="0" wp14:anchorId="4D34C2B8" wp14:editId="68E8F839">
            <wp:extent cx="5760720" cy="2279650"/>
            <wp:effectExtent l="0" t="0" r="0" b="635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22796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46E22" w:rsidRPr="001B0D59" w:rsidRDefault="00E46E22"/>
    <w:p w:rsidR="00E46E22" w:rsidRPr="001B0D59" w:rsidRDefault="00E46E22"/>
    <w:p w:rsidR="00E46E22" w:rsidRPr="001B0D59" w:rsidRDefault="00E46E22">
      <w:r w:rsidRPr="001B0D59"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</w:p>
    <w:p w:rsidR="007843E2" w:rsidRDefault="007843E2"/>
    <w:sectPr w:rsidR="007843E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1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1B0D59"/>
    <w:rsid w:val="00525D61"/>
    <w:rsid w:val="006A0753"/>
    <w:rsid w:val="00773F7E"/>
    <w:rsid w:val="007843E2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8D59B59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5</TotalTime>
  <Pages>3</Pages>
  <Words>503</Words>
  <Characters>3018</Characters>
  <Application>Microsoft Office Word</Application>
  <DocSecurity>0</DocSecurity>
  <Lines>25</Lines>
  <Paragraphs>7</Paragraphs>
  <ScaleCrop>false</ScaleCrop>
  <Company>PJATK</Company>
  <LinksUpToDate>false</LinksUpToDate>
  <CharactersWithSpaces>35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Maciej Kucharski</cp:lastModifiedBy>
  <cp:revision>6</cp:revision>
  <dcterms:created xsi:type="dcterms:W3CDTF">2021-11-17T16:50:00Z</dcterms:created>
  <dcterms:modified xsi:type="dcterms:W3CDTF">2021-11-17T18:11:00Z</dcterms:modified>
</cp:coreProperties>
</file>